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  <p:sldId id="277" r:id="rId23"/>
    <p:sldId id="278" r:id="rId24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987" autoAdjust="0"/>
    <p:restoredTop sz="94660"/>
  </p:normalViewPr>
  <p:slideViewPr>
    <p:cSldViewPr snapToGrid="0">
      <p:cViewPr varScale="1">
        <p:scale>
          <a:sx n="116" d="100"/>
          <a:sy n="116" d="100"/>
        </p:scale>
        <p:origin x="336" y="10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heme" Target="theme/theme1.xml"/></Relationship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4242851"/>
            <a:ext cx="8968084" cy="275942"/>
          </a:xfrm>
          <a:prstGeom prst="rect">
            <a:avLst/>
          </a:prstGeom>
        </p:spPr>
      </p:pic>
      <p:pic>
        <p:nvPicPr>
          <p:cNvPr id="8" name="Picture 7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111716" y="4243845"/>
            <a:ext cx="3077108" cy="27694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0" y="2590078"/>
            <a:ext cx="8968085" cy="1660332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0" name="Rectangle 9"/>
          <p:cNvSpPr/>
          <p:nvPr/>
        </p:nvSpPr>
        <p:spPr>
          <a:xfrm>
            <a:off x="9111715" y="2590078"/>
            <a:ext cx="3077109" cy="166033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0322" y="2733709"/>
            <a:ext cx="8144134" cy="1373070"/>
          </a:xfrm>
        </p:spPr>
        <p:txBody>
          <a:bodyPr anchor="b">
            <a:noAutofit/>
          </a:bodyPr>
          <a:lstStyle>
            <a:lvl1pPr algn="r">
              <a:defRPr sz="54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680322" y="4394039"/>
            <a:ext cx="8144134" cy="1117687"/>
          </a:xfrm>
        </p:spPr>
        <p:txBody>
          <a:bodyPr>
            <a:normAutofit/>
          </a:bodyPr>
          <a:lstStyle>
            <a:lvl1pPr marL="0" indent="0" algn="r">
              <a:buNone/>
              <a:defRPr sz="20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239A9A-B4B0-4B32-B8CD-2E25E95134C4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9255346" y="2750337"/>
            <a:ext cx="1171888" cy="1356442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Панорамная фотография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5928628"/>
            <a:ext cx="10437812" cy="321164"/>
          </a:xfrm>
          <a:prstGeom prst="rect">
            <a:avLst/>
          </a:prstGeom>
        </p:spPr>
      </p:pic>
      <p:pic>
        <p:nvPicPr>
          <p:cNvPr id="9" name="Picture 8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5929622"/>
            <a:ext cx="1602997" cy="144270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0" y="4567988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1" name="Rectangle 10"/>
          <p:cNvSpPr/>
          <p:nvPr/>
        </p:nvSpPr>
        <p:spPr>
          <a:xfrm>
            <a:off x="10585827" y="4567988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0322" y="4711616"/>
            <a:ext cx="9613859" cy="453051"/>
          </a:xfrm>
        </p:spPr>
        <p:txBody>
          <a:bodyPr anchor="b">
            <a:normAutofit/>
          </a:bodyPr>
          <a:lstStyle>
            <a:lvl1pPr>
              <a:defRPr sz="24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680322" y="609597"/>
            <a:ext cx="9613859" cy="3589575"/>
          </a:xfrm>
          <a:noFill/>
          <a:ln>
            <a:noFill/>
          </a:ln>
          <a:effectLst>
            <a:outerShdw blurRad="76200" dist="63500" dir="5040000" algn="tl" rotWithShape="0">
              <a:srgbClr val="000000">
                <a:alpha val="41000"/>
              </a:srgbClr>
            </a:outerShdw>
          </a:effectLst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0319" y="5169583"/>
            <a:ext cx="9613862" cy="622971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25518A9-B687-4302-9395-2322403C6656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0729455" y="4711309"/>
            <a:ext cx="1154151" cy="1090789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Заголовок и подпис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5928628"/>
            <a:ext cx="10437812" cy="321164"/>
          </a:xfrm>
          <a:prstGeom prst="rect">
            <a:avLst/>
          </a:prstGeom>
        </p:spPr>
      </p:pic>
      <p:pic>
        <p:nvPicPr>
          <p:cNvPr id="9" name="Picture 8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5929622"/>
            <a:ext cx="1602997" cy="144270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0" y="4567988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1" name="Rectangle 10"/>
          <p:cNvSpPr/>
          <p:nvPr/>
        </p:nvSpPr>
        <p:spPr>
          <a:xfrm>
            <a:off x="10585827" y="4567988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0322" y="609597"/>
            <a:ext cx="9613858" cy="3592750"/>
          </a:xfrm>
        </p:spPr>
        <p:txBody>
          <a:bodyPr anchor="ctr"/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0322" y="4711615"/>
            <a:ext cx="9613859" cy="1090789"/>
          </a:xfrm>
        </p:spPr>
        <p:txBody>
          <a:bodyPr anchor="ctr"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A99A684-0CB7-41E9-A4DF-5D1C2CA5BF6F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0729455" y="4711615"/>
            <a:ext cx="1154151" cy="1090789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5928628"/>
            <a:ext cx="10437812" cy="321164"/>
          </a:xfrm>
          <a:prstGeom prst="rect">
            <a:avLst/>
          </a:prstGeom>
        </p:spPr>
      </p:pic>
      <p:pic>
        <p:nvPicPr>
          <p:cNvPr id="13" name="Picture 12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5929622"/>
            <a:ext cx="1602997" cy="144270"/>
          </a:xfrm>
          <a:prstGeom prst="rect">
            <a:avLst/>
          </a:prstGeom>
        </p:spPr>
      </p:pic>
      <p:sp>
        <p:nvSpPr>
          <p:cNvPr id="14" name="Rectangle 13"/>
          <p:cNvSpPr/>
          <p:nvPr/>
        </p:nvSpPr>
        <p:spPr>
          <a:xfrm>
            <a:off x="0" y="4567988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5" name="Rectangle 14"/>
          <p:cNvSpPr/>
          <p:nvPr/>
        </p:nvSpPr>
        <p:spPr>
          <a:xfrm>
            <a:off x="10585827" y="4567988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27856" y="609598"/>
            <a:ext cx="8718877" cy="3036061"/>
          </a:xfrm>
        </p:spPr>
        <p:txBody>
          <a:bodyPr anchor="ctr"/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3"/>
          </p:nvPr>
        </p:nvSpPr>
        <p:spPr>
          <a:xfrm>
            <a:off x="1402288" y="3653379"/>
            <a:ext cx="8156579" cy="548968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0322" y="4711615"/>
            <a:ext cx="9613859" cy="1090789"/>
          </a:xfrm>
        </p:spPr>
        <p:txBody>
          <a:bodyPr anchor="ctr"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DD7C35-9E19-4518-A4B2-3B09CD8CC756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0729455" y="4709925"/>
            <a:ext cx="1154151" cy="1090789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  <p:sp>
        <p:nvSpPr>
          <p:cNvPr id="16" name="TextBox 15"/>
          <p:cNvSpPr txBox="1"/>
          <p:nvPr/>
        </p:nvSpPr>
        <p:spPr>
          <a:xfrm>
            <a:off x="583572" y="74811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72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7" name="TextBox 16"/>
          <p:cNvSpPr txBox="1"/>
          <p:nvPr/>
        </p:nvSpPr>
        <p:spPr>
          <a:xfrm>
            <a:off x="9662809" y="3033524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72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Карточка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5928628"/>
            <a:ext cx="10437812" cy="321164"/>
          </a:xfrm>
          <a:prstGeom prst="rect">
            <a:avLst/>
          </a:prstGeom>
        </p:spPr>
      </p:pic>
      <p:pic>
        <p:nvPicPr>
          <p:cNvPr id="10" name="Picture 9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5929622"/>
            <a:ext cx="1602997" cy="14427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4567988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2" name="Rectangle 11"/>
          <p:cNvSpPr/>
          <p:nvPr/>
        </p:nvSpPr>
        <p:spPr>
          <a:xfrm>
            <a:off x="10585827" y="4567988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0319" y="4711615"/>
            <a:ext cx="9613862" cy="588535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0320" y="5300149"/>
            <a:ext cx="9613862" cy="502255"/>
          </a:xfrm>
        </p:spPr>
        <p:txBody>
          <a:bodyPr anchor="t"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6196DA8-8897-4DDF-BFB6-5D83863C837A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0729455" y="4709925"/>
            <a:ext cx="1154151" cy="1090789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1970240"/>
            <a:ext cx="10437812" cy="321164"/>
          </a:xfrm>
          <a:prstGeom prst="rect">
            <a:avLst/>
          </a:prstGeom>
        </p:spPr>
      </p:pic>
      <p:pic>
        <p:nvPicPr>
          <p:cNvPr id="14" name="Picture 13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16" name="Rectangle 15"/>
          <p:cNvSpPr/>
          <p:nvPr/>
        </p:nvSpPr>
        <p:spPr>
          <a:xfrm>
            <a:off x="0" y="609600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7" name="Rectangle 16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5" name="Title 1"/>
          <p:cNvSpPr>
            <a:spLocks noGrp="1"/>
          </p:cNvSpPr>
          <p:nvPr>
            <p:ph type="title"/>
          </p:nvPr>
        </p:nvSpPr>
        <p:spPr>
          <a:xfrm>
            <a:off x="669222" y="753228"/>
            <a:ext cx="9624960" cy="1080938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7" name="Text Placeholder 2"/>
          <p:cNvSpPr>
            <a:spLocks noGrp="1"/>
          </p:cNvSpPr>
          <p:nvPr>
            <p:ph type="body" idx="1"/>
          </p:nvPr>
        </p:nvSpPr>
        <p:spPr>
          <a:xfrm>
            <a:off x="660946" y="2336873"/>
            <a:ext cx="3070034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8" name="Text Placeholder 3"/>
          <p:cNvSpPr>
            <a:spLocks noGrp="1"/>
          </p:cNvSpPr>
          <p:nvPr>
            <p:ph type="body" sz="half" idx="15"/>
          </p:nvPr>
        </p:nvSpPr>
        <p:spPr>
          <a:xfrm>
            <a:off x="680322" y="3022673"/>
            <a:ext cx="3049702" cy="2913513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9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956025" y="2336873"/>
            <a:ext cx="3063240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10" name="Text Placeholder 3"/>
          <p:cNvSpPr>
            <a:spLocks noGrp="1"/>
          </p:cNvSpPr>
          <p:nvPr>
            <p:ph type="body" sz="half" idx="16"/>
          </p:nvPr>
        </p:nvSpPr>
        <p:spPr>
          <a:xfrm>
            <a:off x="3945470" y="3022673"/>
            <a:ext cx="3063240" cy="2913513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224156" y="2336873"/>
            <a:ext cx="3070025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7"/>
          </p:nvPr>
        </p:nvSpPr>
        <p:spPr>
          <a:xfrm>
            <a:off x="7224156" y="3022673"/>
            <a:ext cx="3070025" cy="2913513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BBA708-C5F0-412D-90E2-1919F0D196AE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Столбец с тремя рисункам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1970240"/>
            <a:ext cx="10437812" cy="321164"/>
          </a:xfrm>
          <a:prstGeom prst="rect">
            <a:avLst/>
          </a:prstGeom>
        </p:spPr>
      </p:pic>
      <p:pic>
        <p:nvPicPr>
          <p:cNvPr id="16" name="Picture 15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17" name="Rectangle 16"/>
          <p:cNvSpPr/>
          <p:nvPr/>
        </p:nvSpPr>
        <p:spPr>
          <a:xfrm>
            <a:off x="0" y="609600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8" name="Rectangle 17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0" name="Title 1"/>
          <p:cNvSpPr>
            <a:spLocks noGrp="1"/>
          </p:cNvSpPr>
          <p:nvPr>
            <p:ph type="title"/>
          </p:nvPr>
        </p:nvSpPr>
        <p:spPr>
          <a:xfrm>
            <a:off x="680322" y="753228"/>
            <a:ext cx="9613860" cy="1080938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9" name="Text Placeholder 2"/>
          <p:cNvSpPr>
            <a:spLocks noGrp="1"/>
          </p:cNvSpPr>
          <p:nvPr>
            <p:ph type="body" idx="1"/>
          </p:nvPr>
        </p:nvSpPr>
        <p:spPr>
          <a:xfrm>
            <a:off x="680318" y="4297503"/>
            <a:ext cx="3049705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0" name="Picture Placeholder 2"/>
          <p:cNvSpPr>
            <a:spLocks noGrp="1" noChangeAspect="1"/>
          </p:cNvSpPr>
          <p:nvPr>
            <p:ph type="pic" idx="15"/>
          </p:nvPr>
        </p:nvSpPr>
        <p:spPr>
          <a:xfrm>
            <a:off x="680318" y="2336873"/>
            <a:ext cx="3049705" cy="1524000"/>
          </a:xfrm>
          <a:prstGeom prst="roundRect">
            <a:avLst>
              <a:gd name="adj" fmla="val 0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21" name="Text Placeholder 3"/>
          <p:cNvSpPr>
            <a:spLocks noGrp="1"/>
          </p:cNvSpPr>
          <p:nvPr>
            <p:ph type="body" sz="half" idx="18"/>
          </p:nvPr>
        </p:nvSpPr>
        <p:spPr>
          <a:xfrm>
            <a:off x="680318" y="4873765"/>
            <a:ext cx="3049705" cy="106242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2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945471" y="4297503"/>
            <a:ext cx="3063240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3" name="Picture Placeholder 2"/>
          <p:cNvSpPr>
            <a:spLocks noGrp="1" noChangeAspect="1"/>
          </p:cNvSpPr>
          <p:nvPr>
            <p:ph type="pic" idx="21"/>
          </p:nvPr>
        </p:nvSpPr>
        <p:spPr>
          <a:xfrm>
            <a:off x="3945470" y="2336873"/>
            <a:ext cx="3063240" cy="1524000"/>
          </a:xfrm>
          <a:prstGeom prst="roundRect">
            <a:avLst>
              <a:gd name="adj" fmla="val 0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24" name="Text Placeholder 3"/>
          <p:cNvSpPr>
            <a:spLocks noGrp="1"/>
          </p:cNvSpPr>
          <p:nvPr>
            <p:ph type="body" sz="half" idx="19"/>
          </p:nvPr>
        </p:nvSpPr>
        <p:spPr>
          <a:xfrm>
            <a:off x="3944117" y="4873764"/>
            <a:ext cx="3067297" cy="106242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5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230678" y="4297503"/>
            <a:ext cx="3063505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26" name="Picture Placeholder 2"/>
          <p:cNvSpPr>
            <a:spLocks noGrp="1" noChangeAspect="1"/>
          </p:cNvSpPr>
          <p:nvPr>
            <p:ph type="pic" idx="22"/>
          </p:nvPr>
        </p:nvSpPr>
        <p:spPr>
          <a:xfrm>
            <a:off x="7230677" y="2336873"/>
            <a:ext cx="3063505" cy="1524000"/>
          </a:xfrm>
          <a:prstGeom prst="roundRect">
            <a:avLst>
              <a:gd name="adj" fmla="val 0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27" name="Text Placeholder 3"/>
          <p:cNvSpPr>
            <a:spLocks noGrp="1"/>
          </p:cNvSpPr>
          <p:nvPr>
            <p:ph type="body" sz="half" idx="20"/>
          </p:nvPr>
        </p:nvSpPr>
        <p:spPr>
          <a:xfrm>
            <a:off x="7230553" y="4873762"/>
            <a:ext cx="3067563" cy="106242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9C8F8FA-EF43-4642-9368-3F4E33039BD9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1970240"/>
            <a:ext cx="10437812" cy="321164"/>
          </a:xfrm>
          <a:prstGeom prst="rect">
            <a:avLst/>
          </a:prstGeom>
        </p:spPr>
      </p:pic>
      <p:pic>
        <p:nvPicPr>
          <p:cNvPr id="8" name="Picture 7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0" y="609600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0" name="Rectangle 9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 algn="r">
              <a:defRPr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B61E721-B01C-4D5D-A3CA-2E5518383F10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 rot="5400000">
            <a:off x="8116207" y="1869395"/>
            <a:ext cx="5106988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" name="Rectangle 7"/>
          <p:cNvSpPr/>
          <p:nvPr/>
        </p:nvSpPr>
        <p:spPr>
          <a:xfrm rot="5400000">
            <a:off x="9868202" y="5372403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10129231" y="609597"/>
            <a:ext cx="1073802" cy="4353760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0322" y="609597"/>
            <a:ext cx="8870004" cy="5326589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6807126" y="5936187"/>
            <a:ext cx="2743200" cy="365125"/>
          </a:xfrm>
        </p:spPr>
        <p:txBody>
          <a:bodyPr/>
          <a:lstStyle/>
          <a:p>
            <a:fld id="{6513FEF9-69D0-4F8C-A336-59491FBEDC47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680321" y="5936188"/>
            <a:ext cx="6126805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097550" y="5398633"/>
            <a:ext cx="1154151" cy="1090789"/>
          </a:xfrm>
        </p:spPr>
        <p:txBody>
          <a:bodyPr anchor="t"/>
          <a:lstStyle>
            <a:lvl1pPr algn="ctr">
              <a:defRPr/>
            </a:lvl1pPr>
          </a:lstStyle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1970240"/>
            <a:ext cx="10437812" cy="321164"/>
          </a:xfrm>
          <a:prstGeom prst="rect">
            <a:avLst/>
          </a:prstGeom>
        </p:spPr>
      </p:pic>
      <p:pic>
        <p:nvPicPr>
          <p:cNvPr id="16" name="Picture 15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17" name="Rectangle 16"/>
          <p:cNvSpPr/>
          <p:nvPr/>
        </p:nvSpPr>
        <p:spPr>
          <a:xfrm>
            <a:off x="0" y="609600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8" name="Rectangle 17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91E21DC-8981-44E6-BC8C-2BA8F673FFBB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" y="4086907"/>
            <a:ext cx="10437812" cy="321164"/>
          </a:xfrm>
          <a:prstGeom prst="rect">
            <a:avLst/>
          </a:prstGeom>
        </p:spPr>
      </p:pic>
      <p:pic>
        <p:nvPicPr>
          <p:cNvPr id="8" name="Picture 7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4" y="4087901"/>
            <a:ext cx="1602997" cy="14427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-2" y="2726267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0" name="Rectangle 9"/>
          <p:cNvSpPr/>
          <p:nvPr/>
        </p:nvSpPr>
        <p:spPr>
          <a:xfrm>
            <a:off x="10585825" y="2726267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0322" y="2869895"/>
            <a:ext cx="9613860" cy="1090788"/>
          </a:xfrm>
        </p:spPr>
        <p:txBody>
          <a:bodyPr anchor="ctr">
            <a:normAutofit/>
          </a:bodyPr>
          <a:lstStyle>
            <a:lvl1pPr algn="r">
              <a:defRPr sz="36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0322" y="4232171"/>
            <a:ext cx="9613860" cy="1704017"/>
          </a:xfrm>
        </p:spPr>
        <p:txBody>
          <a:bodyPr>
            <a:normAutofit/>
          </a:bodyPr>
          <a:lstStyle>
            <a:lvl1pPr marL="0" indent="0" algn="r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EB9C5D3-0140-4E75-8D7F-C0623D06DFD7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729455" y="2869895"/>
            <a:ext cx="1154151" cy="1090789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1970240"/>
            <a:ext cx="10437812" cy="321164"/>
          </a:xfrm>
          <a:prstGeom prst="rect">
            <a:avLst/>
          </a:prstGeom>
        </p:spPr>
      </p:pic>
      <p:pic>
        <p:nvPicPr>
          <p:cNvPr id="9" name="Picture 8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0" y="609600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1" name="Rectangle 10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0320" y="2336873"/>
            <a:ext cx="4698358" cy="3599316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594123" y="2336873"/>
            <a:ext cx="4700058" cy="3599316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A5666F9-5B40-48E0-8DFD-99EF944CDD22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1970240"/>
            <a:ext cx="10437812" cy="321164"/>
          </a:xfrm>
          <a:prstGeom prst="rect">
            <a:avLst/>
          </a:prstGeom>
        </p:spPr>
      </p:pic>
      <p:pic>
        <p:nvPicPr>
          <p:cNvPr id="11" name="Picture 10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12" name="Rectangle 11"/>
          <p:cNvSpPr/>
          <p:nvPr/>
        </p:nvSpPr>
        <p:spPr>
          <a:xfrm>
            <a:off x="0" y="609600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3" name="Rectangle 12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0319" y="753229"/>
            <a:ext cx="9613863" cy="1080937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06350" y="2336873"/>
            <a:ext cx="4472327" cy="693135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80322" y="3030008"/>
            <a:ext cx="4698355" cy="2906179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820154" y="2336873"/>
            <a:ext cx="4474028" cy="692076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5594123" y="3030008"/>
            <a:ext cx="4700059" cy="2906179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698D6B-2C72-4E21-9893-A649C6E2A47D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1970240"/>
            <a:ext cx="10437812" cy="321164"/>
          </a:xfrm>
          <a:prstGeom prst="rect">
            <a:avLst/>
          </a:prstGeom>
        </p:spPr>
      </p:pic>
      <p:pic>
        <p:nvPicPr>
          <p:cNvPr id="7" name="Picture 6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8" name="Rectangle 7"/>
          <p:cNvSpPr/>
          <p:nvPr/>
        </p:nvSpPr>
        <p:spPr>
          <a:xfrm>
            <a:off x="0" y="609600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9" name="Rectangle 8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86811C9-A66C-49F0-970E-F7B68D9109A0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 descr="HD-ShadowShort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6" name="Rectangle 5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C01AE78-96A2-4A23-B183-3B6DB4374FE7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1970240"/>
            <a:ext cx="10437812" cy="321164"/>
          </a:xfrm>
          <a:prstGeom prst="rect">
            <a:avLst/>
          </a:prstGeom>
        </p:spPr>
      </p:pic>
      <p:pic>
        <p:nvPicPr>
          <p:cNvPr id="9" name="Picture 8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0" y="609600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1" name="Rectangle 10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0321" y="753227"/>
            <a:ext cx="9613859" cy="1080940"/>
          </a:xfrm>
        </p:spPr>
        <p:txBody>
          <a:bodyPr anchor="ctr">
            <a:normAutofit/>
          </a:bodyPr>
          <a:lstStyle>
            <a:lvl1pPr>
              <a:defRPr sz="36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685846" y="2336873"/>
            <a:ext cx="5608336" cy="3599313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0322" y="2336872"/>
            <a:ext cx="3790078" cy="3599317"/>
          </a:xfrm>
        </p:spPr>
        <p:txBody>
          <a:bodyPr anchor="ctr"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3AE0757-B101-4811-9189-10EB2F458E2D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HD-ShadowLong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1970240"/>
            <a:ext cx="10437812" cy="321164"/>
          </a:xfrm>
          <a:prstGeom prst="rect">
            <a:avLst/>
          </a:prstGeom>
        </p:spPr>
      </p:pic>
      <p:pic>
        <p:nvPicPr>
          <p:cNvPr id="9" name="Picture 8" descr="HD-ShadowShort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85826" y="1971234"/>
            <a:ext cx="1602997" cy="144270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0" y="609600"/>
            <a:ext cx="10437812" cy="1368198"/>
          </a:xfrm>
          <a:prstGeom prst="rect">
            <a:avLst/>
          </a:prstGeom>
          <a:solidFill>
            <a:schemeClr val="bg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11" name="Rectangle 10"/>
          <p:cNvSpPr/>
          <p:nvPr/>
        </p:nvSpPr>
        <p:spPr>
          <a:xfrm>
            <a:off x="10585827" y="609600"/>
            <a:ext cx="1602997" cy="136819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0323" y="753228"/>
            <a:ext cx="9613857" cy="1080938"/>
          </a:xfrm>
        </p:spPr>
        <p:txBody>
          <a:bodyPr anchor="ctr">
            <a:normAutofit/>
          </a:bodyPr>
          <a:lstStyle>
            <a:lvl1pPr>
              <a:defRPr sz="36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4868333" y="2336874"/>
            <a:ext cx="5425849" cy="3599312"/>
          </a:xfrm>
          <a:noFill/>
          <a:ln>
            <a:noFill/>
          </a:ln>
          <a:effectLst>
            <a:outerShdw blurRad="76200" dist="63500" dir="5040000" algn="tl" rotWithShape="0">
              <a:srgbClr val="000000">
                <a:alpha val="41000"/>
              </a:srgbClr>
            </a:outerShdw>
          </a:effectLst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0323" y="2336873"/>
            <a:ext cx="3876256" cy="3599315"/>
          </a:xfrm>
        </p:spPr>
        <p:txBody>
          <a:bodyPr anchor="ctr"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EBDC078-589F-40E3-816C-EE21D62B5BBA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image" Target="../media/image1.png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hashOverlay-FullResolve.png"/>
          <p:cNvPicPr>
            <a:picLocks noChangeAspect="1"/>
          </p:cNvPicPr>
          <p:nvPr/>
        </p:nvPicPr>
        <p:blipFill>
          <a:blip r:embed="rId19">
            <a:alphaModFix amt="10000"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80321" y="753228"/>
            <a:ext cx="9613861" cy="1080938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0321" y="2336873"/>
            <a:ext cx="9613861" cy="359931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550981" y="5936187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7004436-CA73-4D53-89B4-2A5C7347BF2F}" type="datetimeFigureOut">
              <a:rPr lang="en-US" dirty="0"/>
              <a:t>3/30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80321" y="5936188"/>
            <a:ext cx="687066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5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729455" y="753227"/>
            <a:ext cx="1154151" cy="1090789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3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60" r:id="rId10"/>
    <p:sldLayoutId id="2147483661" r:id="rId11"/>
    <p:sldLayoutId id="2147483666" r:id="rId12"/>
    <p:sldLayoutId id="2147483663" r:id="rId13"/>
    <p:sldLayoutId id="2147483667" r:id="rId14"/>
    <p:sldLayoutId id="2147483668" r:id="rId15"/>
    <p:sldLayoutId id="2147483658" r:id="rId16"/>
    <p:sldLayoutId id="2147483659" r:id="rId17"/>
  </p:sldLayoutIdLst>
  <p:hf sldNum="0"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6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effectLst>
            <a:outerShdw blurRad="228600" algn="ctr" rotWithShape="0">
              <a:prstClr val="black">
                <a:alpha val="53000"/>
              </a:prstClr>
            </a:outerShdw>
          </a:effectLst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effectLst>
            <a:outerShdw blurRad="228600" algn="ctr" rotWithShape="0">
              <a:prstClr val="black">
                <a:alpha val="53000"/>
              </a:prstClr>
            </a:outerShdw>
          </a:effectLst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effectLst>
            <a:outerShdw blurRad="228600" algn="ctr" rotWithShape="0">
              <a:prstClr val="black">
                <a:alpha val="53000"/>
              </a:prstClr>
            </a:outerShdw>
          </a:effectLst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effectLst>
            <a:outerShdw blurRad="228600" algn="ctr" rotWithShape="0">
              <a:prstClr val="black">
                <a:alpha val="53000"/>
              </a:prstClr>
            </a:outerShdw>
          </a:effectLst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effectLst>
            <a:outerShdw blurRad="228600" algn="ctr" rotWithShape="0">
              <a:prstClr val="black">
                <a:alpha val="53000"/>
              </a:prstClr>
            </a:outerShdw>
          </a:effectLst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emf"/><Relationship Id="rId2" Type="http://schemas.openxmlformats.org/officeDocument/2006/relationships/hyperlink" Target="https://edmarket.ru/" TargetMode="Externa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emf"/><Relationship Id="rId2" Type="http://schemas.openxmlformats.org/officeDocument/2006/relationships/hyperlink" Target="https://wordika.ru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3.emf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emf"/><Relationship Id="rId2" Type="http://schemas.openxmlformats.org/officeDocument/2006/relationships/hyperlink" Target="https://www.ispring.ru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5.emf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emf"/><Relationship Id="rId2" Type="http://schemas.openxmlformats.org/officeDocument/2006/relationships/hyperlink" Target="https://maximumeducation.com/" TargetMode="Externa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emf"/><Relationship Id="rId2" Type="http://schemas.openxmlformats.org/officeDocument/2006/relationships/hyperlink" Target="https://uchi.ru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8.emf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emf"/><Relationship Id="rId2" Type="http://schemas.openxmlformats.org/officeDocument/2006/relationships/hyperlink" Target="https://dnevnik.ru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0.emf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emf"/><Relationship Id="rId2" Type="http://schemas.openxmlformats.org/officeDocument/2006/relationships/hyperlink" Target="https://algoritmika.org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2.emf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emf"/><Relationship Id="rId2" Type="http://schemas.openxmlformats.org/officeDocument/2006/relationships/hyperlink" Target="https://www.lektorium.tv/mooc" TargetMode="External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emf"/><Relationship Id="rId2" Type="http://schemas.openxmlformats.org/officeDocument/2006/relationships/hyperlink" Target="https://universarium.org/" TargetMode="External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emf"/><Relationship Id="rId2" Type="http://schemas.openxmlformats.org/officeDocument/2006/relationships/hyperlink" Target="https://stepik.org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6.emf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emf"/><Relationship Id="rId2" Type="http://schemas.openxmlformats.org/officeDocument/2006/relationships/hyperlink" Target="https://ru.coursera.org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8.emf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emf"/><Relationship Id="rId2" Type="http://schemas.openxmlformats.org/officeDocument/2006/relationships/hyperlink" Target="https://www.edx.org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0.emf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hyperlink" Target="https://stepik.org/course/83039/promo" TargetMode="External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emf"/><Relationship Id="rId2" Type="http://schemas.openxmlformats.org/officeDocument/2006/relationships/hyperlink" Target="https://stgau.eduagro.ru/course/index.php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2.emf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hyperlink" Target="https://skyeng.ru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emf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emf"/><Relationship Id="rId2" Type="http://schemas.openxmlformats.org/officeDocument/2006/relationships/hyperlink" Target="https://lingualeo.com/ru" TargetMode="Externa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emf"/><Relationship Id="rId2" Type="http://schemas.openxmlformats.org/officeDocument/2006/relationships/hyperlink" Target="https://puzzle-english.com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8.emf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emf"/><Relationship Id="rId2" Type="http://schemas.openxmlformats.org/officeDocument/2006/relationships/hyperlink" Target="https://netology.ru/" TargetMode="Externa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emf"/><Relationship Id="rId2" Type="http://schemas.openxmlformats.org/officeDocument/2006/relationships/hyperlink" Target="https://foxford.ru/" TargetMode="Externa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474376" y="2618380"/>
            <a:ext cx="8144134" cy="1373070"/>
          </a:xfrm>
        </p:spPr>
        <p:txBody>
          <a:bodyPr/>
          <a:lstStyle/>
          <a:p>
            <a:pPr algn="ctr"/>
            <a:r>
              <a:rPr lang="en-US" sz="8800" b="1" dirty="0" err="1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duNet</a:t>
            </a:r>
            <a:r>
              <a:rPr lang="en-US" sz="88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  <a:endParaRPr lang="ru-RU" sz="8800" b="1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680322" y="4394039"/>
            <a:ext cx="8883808" cy="2196231"/>
          </a:xfrm>
        </p:spPr>
        <p:txBody>
          <a:bodyPr>
            <a:noAutofit/>
          </a:bodyPr>
          <a:lstStyle/>
          <a:p>
            <a:pPr algn="ctr"/>
            <a:r>
              <a:rPr lang="ru-RU" sz="80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бразовательные </a:t>
            </a:r>
          </a:p>
          <a:p>
            <a:pPr algn="ctr"/>
            <a:r>
              <a:rPr lang="ru-RU" sz="80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латформы</a:t>
            </a:r>
            <a:endParaRPr lang="ru-RU" sz="8000" b="1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96776652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60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dMarket</a:t>
            </a:r>
            <a:r>
              <a:rPr lang="ru-RU" sz="6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6000" u="sng" dirty="0">
                <a:solidFill>
                  <a:srgbClr val="033160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://edmarket.ru/</a:t>
            </a:r>
            <a:endParaRPr lang="ru-RU" sz="60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1699467" y="2336800"/>
            <a:ext cx="7577042" cy="359886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54571170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60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Wordika</a:t>
            </a:r>
            <a:r>
              <a:rPr lang="ru-RU" sz="60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0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</a:t>
            </a:r>
            <a:r>
              <a:rPr lang="ru-RU" sz="60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://</a:t>
            </a:r>
            <a:r>
              <a:rPr lang="en-US" sz="6000" u="sng" dirty="0" err="1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wordika</a:t>
            </a:r>
            <a:r>
              <a:rPr lang="ru-RU" sz="60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.</a:t>
            </a:r>
            <a:r>
              <a:rPr lang="en-US" sz="6000" u="sng" dirty="0" err="1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ru</a:t>
            </a:r>
            <a:r>
              <a:rPr lang="ru-RU" sz="60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/</a:t>
            </a:r>
            <a:endParaRPr lang="ru-RU" sz="60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494520" y="1917530"/>
            <a:ext cx="1862250" cy="451500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94520" y="2452395"/>
            <a:ext cx="10428601" cy="412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45599525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54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sz="5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https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://</a:t>
            </a:r>
            <a:r>
              <a:rPr lang="en-US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www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.</a:t>
            </a:r>
            <a:r>
              <a:rPr lang="en-US" sz="5400" u="sng" dirty="0" err="1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ispring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.</a:t>
            </a:r>
            <a:r>
              <a:rPr lang="en-US" sz="5400" u="sng" dirty="0" err="1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ru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/</a:t>
            </a:r>
            <a:endParaRPr lang="ru-RU" sz="5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282194" y="1974589"/>
            <a:ext cx="2750400" cy="451500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30262" y="2426089"/>
            <a:ext cx="7907401" cy="38915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02813744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pPr algn="ctr"/>
            <a:r>
              <a:rPr lang="en-US" sz="48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aximum </a:t>
            </a:r>
            <a:r>
              <a:rPr lang="en-US" sz="48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ducation</a:t>
            </a:r>
            <a:r>
              <a:rPr lang="ru-RU" sz="48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u="sng" dirty="0" smtClean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</a:t>
            </a:r>
            <a:r>
              <a:rPr lang="en-US" sz="48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://maximumeducation.com/</a:t>
            </a:r>
            <a:endParaRPr lang="ru-RU" sz="4800" dirty="0"/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1058865" y="2336800"/>
            <a:ext cx="8858245" cy="359886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56515482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ru-RU" sz="66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Учи.ру</a:t>
            </a:r>
            <a:r>
              <a:rPr lang="ru-RU" sz="6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6600" u="sng" dirty="0">
                <a:solidFill>
                  <a:srgbClr val="033160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https://uchi.ru/</a:t>
            </a:r>
            <a:endParaRPr lang="ru-RU" sz="6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217634" y="2041972"/>
            <a:ext cx="1231950" cy="250833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020600" y="2041972"/>
            <a:ext cx="6933301" cy="468700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2054338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ru-RU" sz="54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Дневник.ру</a:t>
            </a:r>
            <a:r>
              <a:rPr lang="ru-RU" sz="5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5400" u="sng" dirty="0">
                <a:solidFill>
                  <a:srgbClr val="033160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https://dnevnik.ru/</a:t>
            </a:r>
            <a:endParaRPr lang="ru-RU" sz="5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422486" y="1997530"/>
            <a:ext cx="888150" cy="372667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040853" y="2429199"/>
            <a:ext cx="6446251" cy="37625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9934948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sz="48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Алгоритмика </a:t>
            </a:r>
            <a:r>
              <a:rPr lang="ru-RU" sz="4800" u="sng" dirty="0">
                <a:solidFill>
                  <a:srgbClr val="033160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://algoritmika.org/</a:t>
            </a:r>
            <a:endParaRPr lang="ru-RU" sz="4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151093" y="1990811"/>
            <a:ext cx="7578380" cy="3598863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729473" y="3456812"/>
            <a:ext cx="3982350" cy="99616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21528543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pPr algn="ctr"/>
            <a:r>
              <a:rPr lang="ru-RU" sz="48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Лекториум </a:t>
            </a:r>
            <a:r>
              <a:rPr lang="ru-RU" sz="4800" u="sng" dirty="0">
                <a:solidFill>
                  <a:srgbClr val="033160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https://www.lektorium.tv/mooc</a:t>
            </a:r>
            <a:endParaRPr lang="ru-RU" sz="4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8" name="Объект 7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1681291" y="1993558"/>
            <a:ext cx="7446233" cy="486444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14173854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80321" y="626076"/>
            <a:ext cx="9613861" cy="1208090"/>
          </a:xfrm>
        </p:spPr>
        <p:txBody>
          <a:bodyPr>
            <a:noAutofit/>
          </a:bodyPr>
          <a:lstStyle/>
          <a:p>
            <a:pPr algn="ctr"/>
            <a:r>
              <a:rPr lang="ru-RU" sz="48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Универсариум</a:t>
            </a:r>
            <a:r>
              <a:rPr lang="ru-RU" sz="4800" b="1" dirty="0" smtClean="0">
                <a:solidFill>
                  <a:srgbClr val="FF0000"/>
                </a:solidFill>
              </a:rPr>
              <a:t> </a:t>
            </a:r>
            <a:r>
              <a:rPr lang="ru-RU" sz="4800" u="sng" dirty="0">
                <a:solidFill>
                  <a:srgbClr val="033160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://universarium.org/</a:t>
            </a:r>
            <a:endParaRPr lang="ru-RU" sz="4800" dirty="0"/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1099843" y="2485081"/>
            <a:ext cx="8957522" cy="359886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98817151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66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tepik</a:t>
            </a:r>
            <a:r>
              <a:rPr lang="ru-RU" sz="66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6600" u="sng" dirty="0">
                <a:solidFill>
                  <a:srgbClr val="033160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://stepik.org/</a:t>
            </a:r>
            <a:endParaRPr lang="ru-RU" sz="6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316124" y="2050171"/>
            <a:ext cx="1117350" cy="415667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20275" y="2050171"/>
            <a:ext cx="9826951" cy="477300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5655753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b="1" u="sng" dirty="0">
                <a:solidFill>
                  <a:srgbClr val="FF0000"/>
                </a:solidFill>
                <a:latin typeface="Times New Roman" panose="02020603050405020304" pitchFamily="18" charset="0"/>
                <a:ea typeface="Times New Roman" panose="02020603050405020304" pitchFamily="18" charset="0"/>
              </a:rPr>
              <a:t>рынок </a:t>
            </a:r>
            <a:r>
              <a:rPr lang="ru-RU" b="1" u="sng" dirty="0" err="1">
                <a:solidFill>
                  <a:srgbClr val="FF0000"/>
                </a:solidFill>
                <a:latin typeface="Times New Roman" panose="02020603050405020304" pitchFamily="18" charset="0"/>
                <a:ea typeface="Times New Roman" panose="02020603050405020304" pitchFamily="18" charset="0"/>
              </a:rPr>
              <a:t>EduNet</a:t>
            </a:r>
            <a:r>
              <a:rPr lang="ru-RU" b="1" u="sng" dirty="0">
                <a:solidFill>
                  <a:srgbClr val="FF0000"/>
                </a:solidFill>
                <a:latin typeface="Times New Roman" panose="02020603050405020304" pitchFamily="18" charset="0"/>
                <a:ea typeface="Times New Roman" panose="02020603050405020304" pitchFamily="18" charset="0"/>
              </a:rPr>
              <a:t> «ОБРАЗОВАНИЕ»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680321" y="2336873"/>
            <a:ext cx="9613861" cy="3998024"/>
          </a:xfrm>
        </p:spPr>
        <p:txBody>
          <a:bodyPr>
            <a:noAutofit/>
          </a:bodyPr>
          <a:lstStyle/>
          <a:p>
            <a:pPr marL="0" indent="457200">
              <a:lnSpc>
                <a:spcPct val="107000"/>
              </a:lnSpc>
              <a:spcBef>
                <a:spcPts val="0"/>
              </a:spcBef>
              <a:buNone/>
            </a:pPr>
            <a:r>
              <a:rPr lang="ru-RU" b="1" dirty="0" err="1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EduNet</a:t>
            </a:r>
            <a:r>
              <a:rPr lang="ru-RU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– создание, </a:t>
            </a:r>
            <a:r>
              <a:rPr lang="ru-RU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персонализация</a:t>
            </a: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, упаковка и технологическая доставка образовательного контента, развитие личностных компетенций.</a:t>
            </a:r>
            <a:endParaRPr lang="ru-RU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0" indent="457200">
              <a:lnSpc>
                <a:spcPct val="107000"/>
              </a:lnSpc>
              <a:spcBef>
                <a:spcPts val="0"/>
              </a:spcBef>
              <a:buNone/>
            </a:pP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 </a:t>
            </a:r>
            <a:r>
              <a:rPr lang="ru-RU" dirty="0" smtClean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Что </a:t>
            </a: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входит в данный рынок:</a:t>
            </a:r>
            <a:endParaRPr lang="ru-RU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0" indent="457200" algn="just">
              <a:lnSpc>
                <a:spcPct val="107000"/>
              </a:lnSpc>
              <a:spcBef>
                <a:spcPts val="0"/>
              </a:spcBef>
              <a:buNone/>
            </a:pP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ru-RU" dirty="0" err="1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геймификация</a:t>
            </a: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 (игровые технологии обучения с использованием компьютера)</a:t>
            </a:r>
            <a:endParaRPr lang="ru-RU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0" indent="457200" algn="just">
              <a:lnSpc>
                <a:spcPct val="107000"/>
              </a:lnSpc>
              <a:spcBef>
                <a:spcPts val="0"/>
              </a:spcBef>
              <a:buNone/>
            </a:pP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- цифровые технологии и программы в учебном процессе</a:t>
            </a:r>
            <a:endParaRPr lang="ru-RU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0" indent="457200" algn="just">
              <a:lnSpc>
                <a:spcPct val="107000"/>
              </a:lnSpc>
              <a:spcBef>
                <a:spcPts val="0"/>
              </a:spcBef>
              <a:buNone/>
            </a:pP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- персонализация обучения </a:t>
            </a:r>
            <a:endParaRPr lang="ru-RU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0" indent="457200" algn="just">
              <a:lnSpc>
                <a:spcPct val="107000"/>
              </a:lnSpc>
              <a:spcBef>
                <a:spcPts val="0"/>
              </a:spcBef>
              <a:buNone/>
            </a:pP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-цифровые технологии оценки качества обучения</a:t>
            </a:r>
            <a:endParaRPr lang="ru-RU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0" indent="457200">
              <a:spcBef>
                <a:spcPts val="0"/>
              </a:spcBef>
              <a:buNone/>
            </a:pPr>
            <a:r>
              <a:rPr lang="ru-RU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- развитие личностных компетенций</a:t>
            </a:r>
            <a:endParaRPr lang="ru-RU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962507370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>
              <a:lnSpc>
                <a:spcPct val="107000"/>
              </a:lnSpc>
              <a:spcAft>
                <a:spcPts val="800"/>
              </a:spcAft>
            </a:pPr>
            <a:r>
              <a:rPr lang="en-US" sz="54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oursera</a:t>
            </a:r>
            <a:r>
              <a:rPr lang="ru-RU" sz="5400" dirty="0" smtClean="0"/>
              <a:t> 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https://ru.coursera.org</a:t>
            </a:r>
            <a:r>
              <a:rPr lang="ru-RU" sz="5400" u="sng" dirty="0" smtClean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/</a:t>
            </a:r>
            <a:endParaRPr lang="ru-RU" sz="5400" dirty="0"/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0" y="1973187"/>
            <a:ext cx="1031400" cy="322500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53432" y="1973187"/>
            <a:ext cx="8451751" cy="479450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97500465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pPr>
              <a:lnSpc>
                <a:spcPct val="107000"/>
              </a:lnSpc>
              <a:spcAft>
                <a:spcPts val="0"/>
              </a:spcAft>
            </a:pPr>
            <a:r>
              <a:rPr lang="en-US" sz="66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dX</a:t>
            </a:r>
            <a:r>
              <a:rPr lang="en-US" sz="6600" dirty="0" smtClean="0"/>
              <a:t> </a:t>
            </a:r>
            <a:r>
              <a:rPr lang="ru-RU" sz="66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https://www.edx.org</a:t>
            </a:r>
            <a:r>
              <a:rPr lang="ru-RU" sz="6600" u="sng" dirty="0" smtClean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/</a:t>
            </a:r>
            <a:r>
              <a:rPr lang="en-US" sz="6600" u="sng" dirty="0" smtClean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endParaRPr lang="ru-RU" sz="6600" dirty="0"/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90362" y="1973888"/>
            <a:ext cx="5242950" cy="387000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788840" y="2360888"/>
            <a:ext cx="8795551" cy="418533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74583093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80321" y="659027"/>
            <a:ext cx="9613861" cy="1175139"/>
          </a:xfrm>
        </p:spPr>
        <p:txBody>
          <a:bodyPr>
            <a:normAutofit fontScale="90000"/>
          </a:bodyPr>
          <a:lstStyle/>
          <a:p>
            <a:pPr algn="ctr">
              <a:lnSpc>
                <a:spcPct val="100000"/>
              </a:lnSpc>
              <a:spcAft>
                <a:spcPts val="0"/>
              </a:spcAft>
            </a:pPr>
            <a:r>
              <a:rPr lang="en-US" sz="40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/>
            </a:r>
            <a:br>
              <a:rPr lang="en-US" sz="40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</a:br>
            <a:r>
              <a:rPr lang="ru-RU" sz="40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>«</a:t>
            </a:r>
            <a:r>
              <a:rPr lang="ru-RU" sz="4000" b="1" dirty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>Практика устного и письменного перевода» </a:t>
            </a:r>
            <a:r>
              <a:rPr lang="en-US" sz="4000" b="1" dirty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/>
            </a:r>
            <a:br>
              <a:rPr lang="en-US" sz="4000" b="1" dirty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</a:br>
            <a:r>
              <a:rPr lang="ru-RU" sz="40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https://stepik.org/course/83039/promo</a:t>
            </a:r>
            <a:r>
              <a:rPr lang="ru-RU" sz="28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/>
            </a:r>
            <a:br>
              <a:rPr lang="ru-RU" sz="28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</a:b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>
              <a:buNone/>
            </a:pP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омский государственный университет</a:t>
            </a:r>
          </a:p>
          <a:p>
            <a:pPr marL="0" indent="0">
              <a:buNone/>
            </a:pP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Практика устного и письменного перевода» </a:t>
            </a:r>
          </a:p>
          <a:p>
            <a:pPr marL="0" indent="0">
              <a:buNone/>
            </a:pP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Вы можете взять наш онлайн-курс целиком, а можете – отдельные </a:t>
            </a:r>
            <a:r>
              <a:rPr lang="ru-RU" sz="32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видеолекции</a:t>
            </a: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или тесты.</a:t>
            </a:r>
          </a:p>
          <a:p>
            <a:pPr marL="0" indent="0">
              <a:buNone/>
            </a:pP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бучение и сертификация на онлайн-курсах в рамках проекта – БЕСПЛАТНО.</a:t>
            </a:r>
          </a:p>
          <a:p>
            <a:pPr marL="0" indent="0">
              <a:buNone/>
            </a:pP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58161171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80321" y="609599"/>
            <a:ext cx="9613861" cy="1367481"/>
          </a:xfrm>
        </p:spPr>
        <p:txBody>
          <a:bodyPr>
            <a:noAutofit/>
          </a:bodyPr>
          <a:lstStyle/>
          <a:p>
            <a:pPr algn="ctr"/>
            <a:r>
              <a:rPr lang="ru-RU" sz="32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латформа онлайн-образования ФГБОУ ВО «Ставропольский ГАУ</a:t>
            </a:r>
            <a:r>
              <a:rPr lang="ru-RU" sz="32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»</a:t>
            </a:r>
            <a:r>
              <a:rPr lang="en-US" sz="32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/>
            </a:r>
            <a:br>
              <a:rPr lang="en-US" sz="32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sz="3200" u="sng" dirty="0">
                <a:solidFill>
                  <a:srgbClr val="033160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  <a:hlinkClick r:id="rId2"/>
              </a:rPr>
              <a:t>https://stgau.eduagro.ru/course/index.php</a:t>
            </a:r>
            <a:endParaRPr lang="ru-RU" sz="3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0" y="1977080"/>
            <a:ext cx="4412100" cy="1204000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918130" y="3109833"/>
            <a:ext cx="8652301" cy="374816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50235562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ru-RU" sz="54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бразовательная платформа 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just">
              <a:buNone/>
            </a:pP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– это ограниченный, личностно-ориентированный Интернет-ресурс, посвященный вопросам образования и саморазвития и содержащий учебные материалы, которые предоставляются пользователям на тех или иных условиях.</a:t>
            </a:r>
          </a:p>
        </p:txBody>
      </p:sp>
    </p:spTree>
    <p:extLst>
      <p:ext uri="{BB962C8B-B14F-4D97-AF65-F5344CB8AC3E}">
        <p14:creationId xmlns:p14="http://schemas.microsoft.com/office/powerpoint/2010/main" val="2560830729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80321" y="593124"/>
            <a:ext cx="9613861" cy="1392195"/>
          </a:xfrm>
        </p:spPr>
        <p:txBody>
          <a:bodyPr>
            <a:normAutofit/>
          </a:bodyPr>
          <a:lstStyle/>
          <a:p>
            <a:r>
              <a:rPr lang="ru-RU" sz="66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kyeng </a:t>
            </a:r>
            <a:r>
              <a:rPr lang="ru-RU" sz="6600" dirty="0">
                <a:solidFill>
                  <a:srgbClr val="0563C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://skyeng.ru/</a:t>
            </a:r>
            <a:endParaRPr lang="ru-RU" sz="6600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62191" y="1985319"/>
            <a:ext cx="7391701" cy="4049167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541828" y="3390718"/>
            <a:ext cx="4555350" cy="136166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45629268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321277" y="753228"/>
            <a:ext cx="9972906" cy="1080938"/>
          </a:xfrm>
        </p:spPr>
        <p:txBody>
          <a:bodyPr>
            <a:normAutofit/>
          </a:bodyPr>
          <a:lstStyle/>
          <a:p>
            <a:r>
              <a:rPr lang="en-US" sz="54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ingualeo</a:t>
            </a:r>
            <a:r>
              <a:rPr lang="ru-RU" sz="5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://</a:t>
            </a:r>
            <a:r>
              <a:rPr lang="en-US" sz="5400" u="sng" dirty="0" err="1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lingualeo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.</a:t>
            </a:r>
            <a:r>
              <a:rPr lang="en-US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com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/</a:t>
            </a:r>
            <a:r>
              <a:rPr lang="en-US" sz="5400" u="sng" dirty="0" err="1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ru</a:t>
            </a:r>
            <a:endParaRPr lang="ru-RU" sz="54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6" name="Объект 5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2042851" y="2336800"/>
            <a:ext cx="7760175" cy="433584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02794655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80321" y="568412"/>
            <a:ext cx="9613861" cy="1408670"/>
          </a:xfrm>
        </p:spPr>
        <p:txBody>
          <a:bodyPr>
            <a:normAutofit fontScale="90000"/>
          </a:bodyPr>
          <a:lstStyle/>
          <a:p>
            <a:pPr algn="ctr"/>
            <a:r>
              <a:rPr lang="en-US" sz="60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uzzle English </a:t>
            </a:r>
            <a:r>
              <a:rPr lang="ru-RU" sz="40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/>
            </a:r>
            <a:br>
              <a:rPr lang="ru-RU" sz="40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en-US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://</a:t>
            </a:r>
            <a:r>
              <a:rPr lang="en-US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puzzle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-</a:t>
            </a:r>
            <a:r>
              <a:rPr lang="en-US" sz="5400" u="sng" dirty="0" err="1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english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.</a:t>
            </a:r>
            <a:r>
              <a:rPr lang="en-US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com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/</a:t>
            </a:r>
            <a:endParaRPr lang="ru-RU" sz="53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4099518" y="2167638"/>
            <a:ext cx="2463900" cy="387000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68331" y="2745195"/>
            <a:ext cx="9425851" cy="336116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34187814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ru-RU" sz="66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етология</a:t>
            </a:r>
            <a:r>
              <a:rPr lang="ru-RU" sz="66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групп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>
              <a:buNone/>
            </a:pP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– компания, специализирующаяся на онлайн-образовании полного цикла.</a:t>
            </a:r>
          </a:p>
          <a:p>
            <a:pPr marL="0" indent="0">
              <a:buNone/>
            </a:pP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Деятельность ведется в 15 направлениях под </a:t>
            </a:r>
            <a:r>
              <a:rPr lang="ru-RU" sz="32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четыремя</a:t>
            </a: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брендами: «</a:t>
            </a:r>
            <a:r>
              <a:rPr lang="ru-RU" sz="32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етология</a:t>
            </a: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», «</a:t>
            </a:r>
            <a:r>
              <a:rPr lang="ru-RU" sz="32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Фоксфорд</a:t>
            </a: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», </a:t>
            </a:r>
            <a:r>
              <a:rPr lang="ru-RU" sz="32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dMarket</a:t>
            </a: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и </a:t>
            </a:r>
            <a:r>
              <a:rPr lang="ru-RU" sz="3200" dirty="0" err="1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Wordika</a:t>
            </a:r>
            <a:r>
              <a:rPr lang="ru-RU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pPr marL="0" indent="0">
              <a:buNone/>
            </a:pPr>
            <a:endParaRPr lang="ru-RU" sz="3600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2312992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ru-RU" sz="48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</a:t>
            </a:r>
            <a:r>
              <a:rPr lang="ru-RU" sz="48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етология</a:t>
            </a:r>
            <a:r>
              <a:rPr lang="ru-RU" sz="48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» </a:t>
            </a:r>
            <a:r>
              <a:rPr lang="ru-RU" sz="48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://netology.ru/</a:t>
            </a:r>
            <a:endParaRPr lang="ru-RU" sz="4800" b="1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680321" y="2001794"/>
            <a:ext cx="9613861" cy="4786183"/>
          </a:xfrm>
        </p:spPr>
        <p:txBody>
          <a:bodyPr>
            <a:normAutofit/>
          </a:bodyPr>
          <a:lstStyle/>
          <a:p>
            <a:pPr marL="0" indent="0">
              <a:buNone/>
            </a:pPr>
            <a:endParaRPr lang="ru-RU" sz="3200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80321" y="2001794"/>
            <a:ext cx="8824201" cy="462966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62282158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ru-RU" sz="54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</a:t>
            </a:r>
            <a:r>
              <a:rPr lang="ru-RU" sz="5400" b="1" dirty="0" err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Фоксфорд</a:t>
            </a:r>
            <a:r>
              <a:rPr lang="ru-RU" sz="54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» </a:t>
            </a:r>
            <a:r>
              <a:rPr lang="ru-RU" sz="5400" u="sng" dirty="0">
                <a:solidFill>
                  <a:srgbClr val="0563C1"/>
                </a:solidFill>
                <a:latin typeface="Times New Roman" panose="02020603050405020304" pitchFamily="18" charset="0"/>
                <a:ea typeface="Calibri" panose="020F0502020204030204" pitchFamily="34" charset="0"/>
                <a:hlinkClick r:id="rId2"/>
              </a:rPr>
              <a:t>https://foxford.ru/</a:t>
            </a:r>
            <a:endParaRPr lang="ru-RU" sz="5400" dirty="0"/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/>
          <a:stretch>
            <a:fillRect/>
          </a:stretch>
        </p:blipFill>
        <p:spPr>
          <a:xfrm>
            <a:off x="1206392" y="2336800"/>
            <a:ext cx="8563191" cy="359886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42774063"/>
      </p:ext>
    </p:extLst>
  </p:cSld>
  <p:clrMapOvr>
    <a:masterClrMapping/>
  </p:clrMapOvr>
</p:sld>
</file>

<file path=ppt/theme/theme1.xml><?xml version="1.0" encoding="utf-8"?>
<a:theme xmlns:a="http://schemas.openxmlformats.org/drawingml/2006/main" name="Берлин">
  <a:themeElements>
    <a:clrScheme name="Berlin">
      <a:dk1>
        <a:sysClr val="windowText" lastClr="000000"/>
      </a:dk1>
      <a:lt1>
        <a:sysClr val="window" lastClr="FFFFFF"/>
      </a:lt1>
      <a:dk2>
        <a:srgbClr val="6A9C41"/>
      </a:dk2>
      <a:lt2>
        <a:srgbClr val="E7E6E6"/>
      </a:lt2>
      <a:accent1>
        <a:srgbClr val="A7D535"/>
      </a:accent1>
      <a:accent2>
        <a:srgbClr val="EACA4F"/>
      </a:accent2>
      <a:accent3>
        <a:srgbClr val="FD9850"/>
      </a:accent3>
      <a:accent4>
        <a:srgbClr val="F46442"/>
      </a:accent4>
      <a:accent5>
        <a:srgbClr val="54D289"/>
      </a:accent5>
      <a:accent6>
        <a:srgbClr val="6AD8CB"/>
      </a:accent6>
      <a:hlink>
        <a:srgbClr val="CAFB50"/>
      </a:hlink>
      <a:folHlink>
        <a:srgbClr val="DEFF8B"/>
      </a:folHlink>
    </a:clrScheme>
    <a:fontScheme name="Berlin">
      <a:majorFont>
        <a:latin typeface="Trebuchet MS" panose="020B060302020202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Trebuchet MS" panose="020B060302020202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Berlin">
      <a:fillStyleLst>
        <a:solidFill>
          <a:schemeClr val="phClr"/>
        </a:solidFill>
        <a:gradFill rotWithShape="1">
          <a:gsLst>
            <a:gs pos="0">
              <a:schemeClr val="phClr">
                <a:tint val="60000"/>
                <a:satMod val="100000"/>
                <a:lumMod val="110000"/>
              </a:schemeClr>
            </a:gs>
            <a:gs pos="100000">
              <a:schemeClr val="phClr">
                <a:tint val="70000"/>
                <a:satMod val="100000"/>
                <a:lumMod val="10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4000"/>
                <a:satMod val="103000"/>
                <a:lumMod val="102000"/>
              </a:schemeClr>
            </a:gs>
            <a:gs pos="50000">
              <a:schemeClr val="phClr">
                <a:shade val="100000"/>
                <a:satMod val="110000"/>
                <a:lumMod val="100000"/>
              </a:schemeClr>
            </a:gs>
            <a:gs pos="100000">
              <a:schemeClr val="phClr">
                <a:shade val="78000"/>
                <a:satMod val="120000"/>
                <a:lumMod val="99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2700" cap="flat" cmpd="sng" algn="ctr">
          <a:solidFill>
            <a:schemeClr val="phClr"/>
          </a:solidFill>
          <a:prstDash val="solid"/>
        </a:ln>
        <a:ln w="1905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6000"/>
                <a:shade val="100000"/>
                <a:hueMod val="92000"/>
                <a:satMod val="200000"/>
                <a:lumMod val="138000"/>
              </a:schemeClr>
            </a:gs>
            <a:gs pos="50000">
              <a:schemeClr val="phClr">
                <a:shade val="100000"/>
                <a:hueMod val="100000"/>
                <a:satMod val="110000"/>
                <a:lumMod val="130000"/>
              </a:schemeClr>
            </a:gs>
            <a:gs pos="100000">
              <a:schemeClr val="phClr">
                <a:shade val="78000"/>
                <a:hueMod val="106000"/>
                <a:satMod val="120000"/>
                <a:lumMod val="79000"/>
              </a:schemeClr>
            </a:gs>
          </a:gsLst>
          <a:lin ang="252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erlin" id="{7B5DBA9E-B069-418E-9360-A61BDD0615A4}" vid="{B587E4A9-1405-4B4F-8BC3-512EE08D2EBF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TM04033917[[fn=Берлин]]</Template>
  <TotalTime>296</TotalTime>
  <Words>222</Words>
  <Application>Microsoft Office PowerPoint</Application>
  <PresentationFormat>Широкоэкранный</PresentationFormat>
  <Paragraphs>39</Paragraphs>
  <Slides>23</Slides>
  <Notes>0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3</vt:i4>
      </vt:variant>
    </vt:vector>
  </HeadingPairs>
  <TitlesOfParts>
    <vt:vector size="28" baseType="lpstr">
      <vt:lpstr>Arial</vt:lpstr>
      <vt:lpstr>Calibri</vt:lpstr>
      <vt:lpstr>Times New Roman</vt:lpstr>
      <vt:lpstr>Trebuchet MS</vt:lpstr>
      <vt:lpstr>Берлин</vt:lpstr>
      <vt:lpstr>EduNet:</vt:lpstr>
      <vt:lpstr>рынок EduNet «ОБРАЗОВАНИЕ»</vt:lpstr>
      <vt:lpstr>Образовательная платформа </vt:lpstr>
      <vt:lpstr>Skyeng https://skyeng.ru/</vt:lpstr>
      <vt:lpstr>Lingualeo https://lingualeo.com/ru</vt:lpstr>
      <vt:lpstr>Puzzle English  https://puzzle-english.com/</vt:lpstr>
      <vt:lpstr>Нетология-групп</vt:lpstr>
      <vt:lpstr>«Нетология» https://netology.ru/</vt:lpstr>
      <vt:lpstr>«Фоксфорд» https://foxford.ru/</vt:lpstr>
      <vt:lpstr>EdMarket https://edmarket.ru/</vt:lpstr>
      <vt:lpstr>Wordika https://wordika.ru/</vt:lpstr>
      <vt:lpstr>iSpring https://www.ispring.ru/</vt:lpstr>
      <vt:lpstr>Maximum Education https://maximumeducation.com/</vt:lpstr>
      <vt:lpstr>Учи.ру https://uchi.ru/</vt:lpstr>
      <vt:lpstr>Дневник.ру https://dnevnik.ru/</vt:lpstr>
      <vt:lpstr>Алгоритмика https://algoritmika.org/</vt:lpstr>
      <vt:lpstr>Лекториум https://www.lektorium.tv/mooc</vt:lpstr>
      <vt:lpstr>Универсариум https://universarium.org/</vt:lpstr>
      <vt:lpstr>Stepik https://stepik.org/</vt:lpstr>
      <vt:lpstr>Coursera https://ru.coursera.org/</vt:lpstr>
      <vt:lpstr>edX https://www.edx.org/ </vt:lpstr>
      <vt:lpstr> «Практика устного и письменного перевода»  https://stepik.org/course/83039/promo </vt:lpstr>
      <vt:lpstr>Платформа онлайн-образования ФГБОУ ВО «Ставропольский ГАУ» https://stgau.eduagro.ru/course/index.php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EduNet:</dc:title>
  <dc:creator>Svetlana Mikhienko</dc:creator>
  <cp:lastModifiedBy>Svetlana Mikhienko</cp:lastModifiedBy>
  <cp:revision>24</cp:revision>
  <dcterms:created xsi:type="dcterms:W3CDTF">2021-03-30T09:29:35Z</dcterms:created>
  <dcterms:modified xsi:type="dcterms:W3CDTF">2021-03-30T14:25:40Z</dcterms:modified>
</cp:coreProperties>
</file>